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21\group\01_調整グループ\02_バリアフリーの街づくり\005_会議\02_バリアフリー街づくり推進県民会議\005_第19回県民会議（R3.3）\04_配布資料\送付\"/>
    </mc:Choice>
  </mc:AlternateContent>
  <bookViews>
    <workbookView xWindow="0" yWindow="0" windowWidth="13080" windowHeight="7164"/>
  </bookViews>
  <sheets>
    <sheet name="Sheet1" sheetId="1" r:id="rId1"/>
    <sheet name="Sheet2" sheetId="2" r:id="rId2"/>
  </sheets>
  <definedNames>
    <definedName name="_xlnm.Print_Area" localSheetId="0">Sheet1!$A$1:$E$8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74" uniqueCount="165">
  <si>
    <t>提案内容</t>
    <rPh sb="0" eb="2">
      <t>テイアン</t>
    </rPh>
    <rPh sb="2" eb="4">
      <t>ナイヨウ</t>
    </rPh>
    <phoneticPr fontId="1"/>
  </si>
  <si>
    <t>主体名</t>
    <rPh sb="0" eb="2">
      <t>シュタイ</t>
    </rPh>
    <rPh sb="2" eb="3">
      <t>メイ</t>
    </rPh>
    <phoneticPr fontId="1"/>
  </si>
  <si>
    <t>ア</t>
    <phoneticPr fontId="1"/>
  </si>
  <si>
    <t>株式会社ファンケル</t>
    <phoneticPr fontId="1"/>
  </si>
  <si>
    <t>従業員向けのダイバーシティ研修の実施</t>
    <phoneticPr fontId="1"/>
  </si>
  <si>
    <t>神奈川県立川崎北高等学校</t>
    <phoneticPr fontId="1"/>
  </si>
  <si>
    <t>交通バリアフリー教室への協力</t>
    <phoneticPr fontId="1"/>
  </si>
  <si>
    <t>神奈川県立近代美術館</t>
    <phoneticPr fontId="1"/>
  </si>
  <si>
    <t>教材利用を通じた相互理解の機会づくり</t>
    <phoneticPr fontId="1"/>
  </si>
  <si>
    <t>一般社団法人神奈川県タクシー協会</t>
    <phoneticPr fontId="1"/>
  </si>
  <si>
    <t>小田急電鉄株式会社</t>
    <phoneticPr fontId="1"/>
  </si>
  <si>
    <t>あいサポーター研修の実施</t>
    <phoneticPr fontId="1"/>
  </si>
  <si>
    <t>神奈川トヨタ自動車株式会社</t>
    <phoneticPr fontId="1"/>
  </si>
  <si>
    <t>ユニバーサルエスコートマナー研修の実施</t>
    <phoneticPr fontId="1"/>
  </si>
  <si>
    <t>ア</t>
    <phoneticPr fontId="1"/>
  </si>
  <si>
    <t>イ</t>
    <phoneticPr fontId="1"/>
  </si>
  <si>
    <t>社会福祉法人三浦市社会福祉協議会</t>
    <phoneticPr fontId="1"/>
  </si>
  <si>
    <t>多様な人が繋がる場づくり</t>
    <phoneticPr fontId="1"/>
  </si>
  <si>
    <t>Luana in Southernbeach 実行委員会</t>
    <phoneticPr fontId="1"/>
  </si>
  <si>
    <t>バリアフリービーチの実施</t>
    <phoneticPr fontId="1"/>
  </si>
  <si>
    <t>公益財団法人茅ヶ崎市文化・スポーツ振興財団</t>
    <phoneticPr fontId="1"/>
  </si>
  <si>
    <t>企画展「美術館まで（から）つづく道」展の開催</t>
    <phoneticPr fontId="1"/>
  </si>
  <si>
    <t>「触察画」を使ったイベントの実施</t>
    <phoneticPr fontId="1"/>
  </si>
  <si>
    <t>ア</t>
    <phoneticPr fontId="1"/>
  </si>
  <si>
    <t>普及啓発ツールを作成し、情報発信を開始</t>
    <phoneticPr fontId="1"/>
  </si>
  <si>
    <t>あいサポート運動</t>
    <phoneticPr fontId="1"/>
  </si>
  <si>
    <t>ユニバーサルデザイン基本指針の策定</t>
    <phoneticPr fontId="1"/>
  </si>
  <si>
    <t>パートナーシップ宣誓制度</t>
    <phoneticPr fontId="1"/>
  </si>
  <si>
    <t>特定非営利活動法人ことばの道案内</t>
    <phoneticPr fontId="1"/>
  </si>
  <si>
    <t>視覚障がい者向けの情報提供</t>
    <phoneticPr fontId="1"/>
  </si>
  <si>
    <t>特別支援学校に通う高校3年生向け「身だしなみセミナー」実施</t>
    <phoneticPr fontId="1"/>
  </si>
  <si>
    <t>がん患者様に明るく前向きな気持ちになって頂くための株式会社アデランス様とのコラボセミナー「A×F　beautiful　smile」</t>
    <phoneticPr fontId="1"/>
  </si>
  <si>
    <t>バリアフリー施設に関する画像をオープンデータとして公表</t>
    <phoneticPr fontId="1"/>
  </si>
  <si>
    <t>一般社団法人 神奈川県タクシー協会</t>
    <phoneticPr fontId="1"/>
  </si>
  <si>
    <t>株式会社　ファンケル</t>
    <phoneticPr fontId="1"/>
  </si>
  <si>
    <t>株式会社　ファンケル</t>
    <phoneticPr fontId="1"/>
  </si>
  <si>
    <t>イ</t>
    <phoneticPr fontId="1"/>
  </si>
  <si>
    <t>神奈川県（道路管理課）</t>
    <phoneticPr fontId="1"/>
  </si>
  <si>
    <t>浜見平地区のまちづくり（浜見平地区拠点整備事業）</t>
    <phoneticPr fontId="1"/>
  </si>
  <si>
    <t>ＵＤタクシー専用乗り場とＵＤタクシー対応乗り場の設置</t>
    <phoneticPr fontId="1"/>
  </si>
  <si>
    <t>フレンドシップ協定</t>
    <phoneticPr fontId="1"/>
  </si>
  <si>
    <t>神奈川トヨタ自動車株式会社</t>
    <phoneticPr fontId="1"/>
  </si>
  <si>
    <t>ウ</t>
    <phoneticPr fontId="1"/>
  </si>
  <si>
    <t>ウ</t>
    <phoneticPr fontId="1"/>
  </si>
  <si>
    <t>改修の費用助成や相談事業の実施</t>
    <phoneticPr fontId="1"/>
  </si>
  <si>
    <t>神奈川県（地域福祉課）</t>
    <phoneticPr fontId="1"/>
  </si>
  <si>
    <t>みんなのバリアフリーまちづくり整備ガイドブック</t>
    <phoneticPr fontId="1"/>
  </si>
  <si>
    <t>バリアフリーアドバイザー派遣</t>
    <phoneticPr fontId="1"/>
  </si>
  <si>
    <t>カラーバリアフリー　色使いのガイドライン・サインマニュアルVer.2</t>
    <phoneticPr fontId="1"/>
  </si>
  <si>
    <t>カラーバリアフリーアドバイザーの派遣・相談出前窓口</t>
    <phoneticPr fontId="1"/>
  </si>
  <si>
    <t>バリアフリー街づくり賞の実施</t>
    <phoneticPr fontId="1"/>
  </si>
  <si>
    <t>ウ</t>
    <phoneticPr fontId="1"/>
  </si>
  <si>
    <t>エ</t>
    <phoneticPr fontId="1"/>
  </si>
  <si>
    <t>情報バリアフリーの確保に向けた対応</t>
    <phoneticPr fontId="1"/>
  </si>
  <si>
    <t>神奈川県立図書館</t>
    <phoneticPr fontId="1"/>
  </si>
  <si>
    <t>川崎市議会</t>
    <phoneticPr fontId="1"/>
  </si>
  <si>
    <t>議場でのバリアフリーの取組み</t>
    <phoneticPr fontId="1"/>
  </si>
  <si>
    <t>広報誌の点字版、音声版の発行</t>
    <phoneticPr fontId="1"/>
  </si>
  <si>
    <t>ユニバーサルデザインに配慮した公共サイン</t>
    <phoneticPr fontId="1"/>
  </si>
  <si>
    <t>オ</t>
    <phoneticPr fontId="1"/>
  </si>
  <si>
    <t>オ</t>
    <phoneticPr fontId="1"/>
  </si>
  <si>
    <t>神奈川県（地域福祉課・建築指導課）</t>
    <phoneticPr fontId="1"/>
  </si>
  <si>
    <t>神奈川県みんなのバリアフリー街づくり条例に基づく事前協議の実施</t>
    <phoneticPr fontId="1"/>
  </si>
  <si>
    <t>神奈川県（地域福祉課）</t>
    <phoneticPr fontId="1"/>
  </si>
  <si>
    <t>条例事前協議審査担当窓口による会議の実施</t>
    <phoneticPr fontId="1"/>
  </si>
  <si>
    <t>神奈川県（地域福祉課）・横浜市・川崎市</t>
    <phoneticPr fontId="1"/>
  </si>
  <si>
    <t>福祉のまちづくり研修会</t>
    <phoneticPr fontId="1"/>
  </si>
  <si>
    <t>バリアフリーアドバイザー派遣</t>
    <phoneticPr fontId="1"/>
  </si>
  <si>
    <t>カラーバリアフリー　色使いのガイドライン・サインマニュアルVer.2</t>
    <phoneticPr fontId="1"/>
  </si>
  <si>
    <t>カラーバリアフリーアドバイザーの派遣・相談出前窓口</t>
    <phoneticPr fontId="1"/>
  </si>
  <si>
    <t>バリアフリー街づくり賞の実施</t>
    <phoneticPr fontId="1"/>
  </si>
  <si>
    <t>イ</t>
    <phoneticPr fontId="1"/>
  </si>
  <si>
    <t>エ</t>
    <phoneticPr fontId="1"/>
  </si>
  <si>
    <t>適合証交付施設の公表</t>
    <phoneticPr fontId="1"/>
  </si>
  <si>
    <t>バリアフリーアドバイザー派遣</t>
    <phoneticPr fontId="1"/>
  </si>
  <si>
    <t>条例事前協議審査担当窓口による会議の実施</t>
    <phoneticPr fontId="1"/>
  </si>
  <si>
    <t>公益社団法人かながわ住まいまちづくり協会</t>
    <phoneticPr fontId="1"/>
  </si>
  <si>
    <t>建築施工者向け研修や情報提供</t>
    <phoneticPr fontId="1"/>
  </si>
  <si>
    <t>神奈川県（地域政策課）</t>
    <phoneticPr fontId="1"/>
  </si>
  <si>
    <t>相模原市（地域福祉課）</t>
    <phoneticPr fontId="1"/>
  </si>
  <si>
    <t>相模原市（人権・男女共同参画課）</t>
    <phoneticPr fontId="1"/>
  </si>
  <si>
    <t>茅ヶ崎市（都市政策課）</t>
    <phoneticPr fontId="1"/>
  </si>
  <si>
    <t>大和市（障がい福祉課）</t>
    <phoneticPr fontId="1"/>
  </si>
  <si>
    <t>大和市（障がい福祉課）</t>
    <phoneticPr fontId="1"/>
  </si>
  <si>
    <t>大和市福祉推進委員会</t>
    <phoneticPr fontId="1"/>
  </si>
  <si>
    <t>茅ヶ崎市（拠点整備課）</t>
    <phoneticPr fontId="1"/>
  </si>
  <si>
    <t>茅ヶ崎市（拠点整備課）</t>
    <phoneticPr fontId="1"/>
  </si>
  <si>
    <t>茅ヶ崎市（障害福祉課）</t>
    <phoneticPr fontId="1"/>
  </si>
  <si>
    <t>茅ヶ崎市（景観みどり課）</t>
    <phoneticPr fontId="1"/>
  </si>
  <si>
    <t>横浜市</t>
    <rPh sb="0" eb="3">
      <t>ヨコハマシ</t>
    </rPh>
    <phoneticPr fontId="1"/>
  </si>
  <si>
    <t>川崎市</t>
    <rPh sb="0" eb="3">
      <t>カワサキシ</t>
    </rPh>
    <phoneticPr fontId="1"/>
  </si>
  <si>
    <t>相模原市</t>
    <rPh sb="0" eb="4">
      <t>サガミハラシ</t>
    </rPh>
    <phoneticPr fontId="1"/>
  </si>
  <si>
    <t>平塚市</t>
    <rPh sb="0" eb="2">
      <t>ヒラツカ</t>
    </rPh>
    <rPh sb="2" eb="3">
      <t>シ</t>
    </rPh>
    <phoneticPr fontId="1"/>
  </si>
  <si>
    <t>鎌倉市</t>
    <rPh sb="0" eb="3">
      <t>カマクラシ</t>
    </rPh>
    <phoneticPr fontId="1"/>
  </si>
  <si>
    <t>藤沢市</t>
    <rPh sb="0" eb="3">
      <t>フジサワシ</t>
    </rPh>
    <phoneticPr fontId="1"/>
  </si>
  <si>
    <t>小田原市</t>
    <rPh sb="0" eb="4">
      <t>オダワラシ</t>
    </rPh>
    <phoneticPr fontId="1"/>
  </si>
  <si>
    <t>茅ヶ崎市</t>
    <rPh sb="0" eb="4">
      <t>チガサキシ</t>
    </rPh>
    <phoneticPr fontId="1"/>
  </si>
  <si>
    <t>逗子市</t>
    <rPh sb="0" eb="3">
      <t>ズシシ</t>
    </rPh>
    <phoneticPr fontId="1"/>
  </si>
  <si>
    <t>三浦市</t>
    <rPh sb="0" eb="2">
      <t>ミウラ</t>
    </rPh>
    <rPh sb="2" eb="3">
      <t>シ</t>
    </rPh>
    <phoneticPr fontId="1"/>
  </si>
  <si>
    <t>秦野市</t>
    <rPh sb="0" eb="3">
      <t>ハダノシ</t>
    </rPh>
    <phoneticPr fontId="1"/>
  </si>
  <si>
    <t>厚木市</t>
    <rPh sb="0" eb="3">
      <t>アツギシ</t>
    </rPh>
    <phoneticPr fontId="1"/>
  </si>
  <si>
    <t>大和市</t>
    <rPh sb="0" eb="3">
      <t>ヤマトシ</t>
    </rPh>
    <phoneticPr fontId="1"/>
  </si>
  <si>
    <t>伊勢原市</t>
    <rPh sb="0" eb="4">
      <t>イセハラシ</t>
    </rPh>
    <phoneticPr fontId="1"/>
  </si>
  <si>
    <t>座間市</t>
    <rPh sb="0" eb="3">
      <t>ザマシ</t>
    </rPh>
    <phoneticPr fontId="1"/>
  </si>
  <si>
    <t>大磯町</t>
    <rPh sb="0" eb="3">
      <t>オオイソマチ</t>
    </rPh>
    <phoneticPr fontId="1"/>
  </si>
  <si>
    <t>二宮町</t>
    <rPh sb="0" eb="2">
      <t>ニノミヤ</t>
    </rPh>
    <rPh sb="2" eb="3">
      <t>チョウ</t>
    </rPh>
    <phoneticPr fontId="1"/>
  </si>
  <si>
    <t>17/33</t>
    <phoneticPr fontId="1"/>
  </si>
  <si>
    <t>★基本構想（令和２年３月末時点）</t>
    <rPh sb="1" eb="3">
      <t>キホン</t>
    </rPh>
    <rPh sb="3" eb="5">
      <t>コウソウ</t>
    </rPh>
    <rPh sb="6" eb="8">
      <t>レイワ</t>
    </rPh>
    <rPh sb="9" eb="10">
      <t>ネン</t>
    </rPh>
    <rPh sb="11" eb="12">
      <t>ガツ</t>
    </rPh>
    <rPh sb="12" eb="13">
      <t>マツ</t>
    </rPh>
    <rPh sb="13" eb="15">
      <t>ジテン</t>
    </rPh>
    <phoneticPr fontId="1"/>
  </si>
  <si>
    <t>茅ヶ崎市（秘書広報課）
神奈川県（総合政策課）</t>
    <phoneticPr fontId="1"/>
  </si>
  <si>
    <t>一般社団法人神奈川県バス協会・一般社団法人神奈川県タクシー協会</t>
    <rPh sb="15" eb="17">
      <t>イッパン</t>
    </rPh>
    <rPh sb="17" eb="19">
      <t>シャダン</t>
    </rPh>
    <rPh sb="19" eb="21">
      <t>ホウジン</t>
    </rPh>
    <rPh sb="21" eb="25">
      <t>カナガワケン</t>
    </rPh>
    <rPh sb="29" eb="31">
      <t>キョウカイ</t>
    </rPh>
    <phoneticPr fontId="1"/>
  </si>
  <si>
    <t>アクセシビリティに配慮したホームページの作成</t>
    <phoneticPr fontId="1"/>
  </si>
  <si>
    <t>エ</t>
    <phoneticPr fontId="1"/>
  </si>
  <si>
    <t>アクセシビリティに配慮したホームページの作成</t>
    <phoneticPr fontId="1"/>
  </si>
  <si>
    <t>茅ヶ崎市（都市政策課）</t>
    <phoneticPr fontId="1"/>
  </si>
  <si>
    <t>バリアフリー施設に関する画像をオープンデータとして公表（令和２年３月）</t>
    <phoneticPr fontId="1"/>
  </si>
  <si>
    <t>ア</t>
    <phoneticPr fontId="1"/>
  </si>
  <si>
    <t>神奈川県（地域福祉課）</t>
    <phoneticPr fontId="1"/>
  </si>
  <si>
    <t>神奈川県（地域福祉課）</t>
    <phoneticPr fontId="1"/>
  </si>
  <si>
    <t>カラーバリアフリーアドバイザーの派遣・相談出前窓口</t>
    <phoneticPr fontId="1"/>
  </si>
  <si>
    <t>カラーバリアフリーアドバイザーの派遣・相談出前窓口</t>
    <phoneticPr fontId="1"/>
  </si>
  <si>
    <t>神奈川県（人権男女共同参画課）</t>
    <phoneticPr fontId="1"/>
  </si>
  <si>
    <t>各種研修会、講演の実施</t>
    <phoneticPr fontId="1"/>
  </si>
  <si>
    <t>神奈川県警察（交通規制課）</t>
    <rPh sb="0" eb="3">
      <t>カナガワ</t>
    </rPh>
    <rPh sb="3" eb="4">
      <t>ケン</t>
    </rPh>
    <rPh sb="4" eb="6">
      <t>ケイサツ</t>
    </rPh>
    <phoneticPr fontId="1"/>
  </si>
  <si>
    <t>神奈川県（交通企画課）</t>
    <rPh sb="0" eb="4">
      <t>カナガワケン</t>
    </rPh>
    <rPh sb="5" eb="7">
      <t>コウツウ</t>
    </rPh>
    <rPh sb="7" eb="9">
      <t>キカク</t>
    </rPh>
    <rPh sb="9" eb="10">
      <t>カ</t>
    </rPh>
    <phoneticPr fontId="1"/>
  </si>
  <si>
    <t>鉄道駅舎のホームドア及びエレベーター整備費への補助の実施</t>
    <rPh sb="0" eb="2">
      <t>テツドウ</t>
    </rPh>
    <rPh sb="2" eb="4">
      <t>エキシャ</t>
    </rPh>
    <rPh sb="10" eb="11">
      <t>オヨ</t>
    </rPh>
    <rPh sb="18" eb="20">
      <t>セイビ</t>
    </rPh>
    <rPh sb="20" eb="21">
      <t>ヒ</t>
    </rPh>
    <rPh sb="23" eb="25">
      <t>ホジョ</t>
    </rPh>
    <rPh sb="26" eb="28">
      <t>ジッシ</t>
    </rPh>
    <phoneticPr fontId="1"/>
  </si>
  <si>
    <t>バリアフリーに対応した交通信号機の整備</t>
    <rPh sb="7" eb="9">
      <t>タイオウ</t>
    </rPh>
    <rPh sb="11" eb="13">
      <t>コウツウ</t>
    </rPh>
    <rPh sb="13" eb="16">
      <t>シンゴウキ</t>
    </rPh>
    <rPh sb="17" eb="19">
      <t>セイビ</t>
    </rPh>
    <phoneticPr fontId="1"/>
  </si>
  <si>
    <t>神奈川県（地域福祉課）</t>
    <phoneticPr fontId="1"/>
  </si>
  <si>
    <t>都市公園施設のユニバーサルデザイン化</t>
    <rPh sb="0" eb="2">
      <t>トシ</t>
    </rPh>
    <rPh sb="2" eb="4">
      <t>コウエン</t>
    </rPh>
    <rPh sb="4" eb="6">
      <t>シセツ</t>
    </rPh>
    <rPh sb="17" eb="18">
      <t>カ</t>
    </rPh>
    <phoneticPr fontId="1"/>
  </si>
  <si>
    <t>株式会社　ファンケル</t>
    <phoneticPr fontId="1"/>
  </si>
  <si>
    <t>ア</t>
    <phoneticPr fontId="1"/>
  </si>
  <si>
    <t>「視覚障がい者向けメイクセミナー」実施</t>
    <phoneticPr fontId="1"/>
  </si>
  <si>
    <t>（一社）藤沢市商店会連合会</t>
    <phoneticPr fontId="1"/>
  </si>
  <si>
    <t>筆談対応する商店街づくり</t>
    <phoneticPr fontId="1"/>
  </si>
  <si>
    <t>株式会社　ファンケル</t>
    <phoneticPr fontId="1"/>
  </si>
  <si>
    <t>タッチマークシール</t>
    <phoneticPr fontId="1"/>
  </si>
  <si>
    <t>該当ページ</t>
    <rPh sb="0" eb="2">
      <t>ガイトウ</t>
    </rPh>
    <phoneticPr fontId="1"/>
  </si>
  <si>
    <t>神奈川県（地域福祉課）</t>
    <phoneticPr fontId="1"/>
  </si>
  <si>
    <t>福祉有償運送の推進</t>
    <phoneticPr fontId="1"/>
  </si>
  <si>
    <t>神奈川県（道路管理課）</t>
    <phoneticPr fontId="1"/>
  </si>
  <si>
    <t>社内向けの各種講座・研修の実施</t>
    <rPh sb="0" eb="2">
      <t>シャナイ</t>
    </rPh>
    <rPh sb="2" eb="3">
      <t>ム</t>
    </rPh>
    <rPh sb="5" eb="7">
      <t>カクシュ</t>
    </rPh>
    <phoneticPr fontId="1"/>
  </si>
  <si>
    <t>タクシードライバー向けの研修の実施</t>
    <rPh sb="9" eb="10">
      <t>ム</t>
    </rPh>
    <phoneticPr fontId="1"/>
  </si>
  <si>
    <t>心のバリアフリー教室の実施</t>
    <phoneticPr fontId="1"/>
  </si>
  <si>
    <t>心のバリアフリーの普及啓発・疑似体験の実施</t>
    <phoneticPr fontId="1"/>
  </si>
  <si>
    <t>相互理解を深める教育活動（生徒向け学習会）の実施</t>
    <phoneticPr fontId="1"/>
  </si>
  <si>
    <t>歩道整備や電線共同溝整備の実施</t>
    <phoneticPr fontId="1"/>
  </si>
  <si>
    <t>歩道整備や電線共同溝整備の実施</t>
    <phoneticPr fontId="1"/>
  </si>
  <si>
    <t>県民会議からの提案に関する参考資料（取組事例集）に掲載の事例一覧</t>
    <rPh sb="0" eb="2">
      <t>ケンミン</t>
    </rPh>
    <rPh sb="2" eb="4">
      <t>カイギ</t>
    </rPh>
    <rPh sb="7" eb="9">
      <t>テイアン</t>
    </rPh>
    <rPh sb="10" eb="11">
      <t>カン</t>
    </rPh>
    <rPh sb="13" eb="15">
      <t>サンコウ</t>
    </rPh>
    <rPh sb="15" eb="17">
      <t>シリョウ</t>
    </rPh>
    <rPh sb="18" eb="20">
      <t>トリク</t>
    </rPh>
    <rPh sb="20" eb="22">
      <t>ジレイ</t>
    </rPh>
    <rPh sb="22" eb="23">
      <t>シュウ</t>
    </rPh>
    <rPh sb="25" eb="27">
      <t>ケイサイ</t>
    </rPh>
    <rPh sb="28" eb="30">
      <t>ジレイ</t>
    </rPh>
    <rPh sb="30" eb="32">
      <t>イチラン</t>
    </rPh>
    <phoneticPr fontId="1"/>
  </si>
  <si>
    <t>ハード面への取組み</t>
    <phoneticPr fontId="1"/>
  </si>
  <si>
    <t>神奈川県（都市公園課）</t>
    <rPh sb="5" eb="7">
      <t>トシ</t>
    </rPh>
    <rPh sb="7" eb="9">
      <t>コウエン</t>
    </rPh>
    <phoneticPr fontId="1"/>
  </si>
  <si>
    <t>特定非営利活動法人ことばの道案内</t>
    <phoneticPr fontId="1"/>
  </si>
  <si>
    <t>視覚障がい者向けの情報提供</t>
    <phoneticPr fontId="1"/>
  </si>
  <si>
    <t>一般社団法人 神奈川県タクシー協会</t>
    <phoneticPr fontId="1"/>
  </si>
  <si>
    <t>ユニバーサルデザインタクシー（ＵＤタクシー）の導入促進</t>
    <phoneticPr fontId="1"/>
  </si>
  <si>
    <t>ユニバーサルデザインタクシー（ＵＤタクシー）の導入促進</t>
    <phoneticPr fontId="1"/>
  </si>
  <si>
    <t>神奈川県（人権男女共同参画課）</t>
    <phoneticPr fontId="1"/>
  </si>
  <si>
    <t>託児に関する方針の策定と実施状況の把握</t>
    <phoneticPr fontId="1"/>
  </si>
  <si>
    <t>派遣相談事業や交流会の実施</t>
    <phoneticPr fontId="1"/>
  </si>
  <si>
    <t>神奈川県（人権男女共同参画課）</t>
    <phoneticPr fontId="1"/>
  </si>
  <si>
    <t>神奈川県（地域福祉課）</t>
    <rPh sb="0" eb="4">
      <t>カナガワケン</t>
    </rPh>
    <rPh sb="5" eb="7">
      <t>チイキ</t>
    </rPh>
    <rPh sb="7" eb="10">
      <t>フクシカ</t>
    </rPh>
    <phoneticPr fontId="1"/>
  </si>
  <si>
    <t>神奈川県（地域福祉課）</t>
    <phoneticPr fontId="1"/>
  </si>
  <si>
    <t>みんなのバリアフリー街づくり条例適合施設等の整備状況に関するオープンデータの公表</t>
    <rPh sb="10" eb="11">
      <t>マチ</t>
    </rPh>
    <rPh sb="14" eb="16">
      <t>ジョウレイ</t>
    </rPh>
    <rPh sb="16" eb="18">
      <t>テキゴウ</t>
    </rPh>
    <rPh sb="18" eb="20">
      <t>シセツ</t>
    </rPh>
    <rPh sb="20" eb="21">
      <t>ナド</t>
    </rPh>
    <rPh sb="22" eb="24">
      <t>セイビ</t>
    </rPh>
    <rPh sb="24" eb="26">
      <t>ジョウキョウ</t>
    </rPh>
    <rPh sb="27" eb="28">
      <t>カン</t>
    </rPh>
    <rPh sb="38" eb="40">
      <t>コウヒョウ</t>
    </rPh>
    <phoneticPr fontId="1"/>
  </si>
  <si>
    <t>イ</t>
    <phoneticPr fontId="1"/>
  </si>
  <si>
    <t>イ</t>
    <phoneticPr fontId="1"/>
  </si>
  <si>
    <t>取組内容</t>
    <rPh sb="0" eb="2">
      <t>トリク</t>
    </rPh>
    <rPh sb="2" eb="4">
      <t>ナイヨウ</t>
    </rPh>
    <phoneticPr fontId="1"/>
  </si>
  <si>
    <t>取組テーマ</t>
    <rPh sb="0" eb="2">
      <t>トリク</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7" x14ac:knownFonts="1">
    <font>
      <sz val="12"/>
      <color theme="1"/>
      <name val="ＭＳ 明朝"/>
      <family val="2"/>
      <charset val="128"/>
    </font>
    <font>
      <sz val="6"/>
      <name val="ＭＳ 明朝"/>
      <family val="2"/>
      <charset val="128"/>
    </font>
    <font>
      <sz val="12"/>
      <color theme="1"/>
      <name val="ＭＳ 明朝"/>
      <family val="1"/>
      <charset val="128"/>
    </font>
    <font>
      <sz val="12"/>
      <name val="ＭＳ 明朝"/>
      <family val="1"/>
      <charset val="128"/>
    </font>
    <font>
      <sz val="12"/>
      <name val="ＭＳ 明朝"/>
      <family val="2"/>
      <charset val="128"/>
    </font>
    <font>
      <b/>
      <sz val="12"/>
      <color theme="1"/>
      <name val="ＭＳ ゴシック"/>
      <family val="3"/>
      <charset val="128"/>
    </font>
    <font>
      <sz val="14"/>
      <color theme="1"/>
      <name val="ＭＳ ゴシック"/>
      <family val="3"/>
      <charset val="128"/>
    </font>
  </fonts>
  <fills count="3">
    <fill>
      <patternFill patternType="none"/>
    </fill>
    <fill>
      <patternFill patternType="gray125"/>
    </fill>
    <fill>
      <patternFill patternType="solid">
        <fgColor theme="8" tint="0.79998168889431442"/>
        <bgColor indexed="64"/>
      </patternFill>
    </fill>
  </fills>
  <borders count="27">
    <border>
      <left/>
      <right/>
      <top/>
      <bottom/>
      <diagonal/>
    </border>
    <border>
      <left style="thin">
        <color auto="1"/>
      </left>
      <right style="thin">
        <color auto="1"/>
      </right>
      <top style="thin">
        <color auto="1"/>
      </top>
      <bottom style="thin">
        <color auto="1"/>
      </bottom>
      <diagonal/>
    </border>
    <border>
      <left style="thin">
        <color auto="1"/>
      </left>
      <right style="thin">
        <color auto="1"/>
      </right>
      <top/>
      <bottom/>
      <diagonal/>
    </border>
    <border>
      <left style="thin">
        <color auto="1"/>
      </left>
      <right style="thin">
        <color auto="1"/>
      </right>
      <top style="thin">
        <color auto="1"/>
      </top>
      <bottom style="medium">
        <color auto="1"/>
      </bottom>
      <diagonal/>
    </border>
    <border>
      <left style="thin">
        <color auto="1"/>
      </left>
      <right style="thin">
        <color auto="1"/>
      </right>
      <top/>
      <bottom style="thin">
        <color auto="1"/>
      </bottom>
      <diagonal/>
    </border>
    <border>
      <left style="thin">
        <color auto="1"/>
      </left>
      <right style="thin">
        <color auto="1"/>
      </right>
      <top style="medium">
        <color auto="1"/>
      </top>
      <bottom style="thin">
        <color auto="1"/>
      </bottom>
      <diagonal/>
    </border>
    <border>
      <left style="thin">
        <color auto="1"/>
      </left>
      <right style="thin">
        <color auto="1"/>
      </right>
      <top style="thin">
        <color auto="1"/>
      </top>
      <bottom/>
      <diagonal/>
    </border>
    <border>
      <left style="thin">
        <color auto="1"/>
      </left>
      <right style="thin">
        <color auto="1"/>
      </right>
      <top style="medium">
        <color auto="1"/>
      </top>
      <bottom style="medium">
        <color auto="1"/>
      </bottom>
      <diagonal/>
    </border>
    <border>
      <left style="thin">
        <color auto="1"/>
      </left>
      <right style="thin">
        <color auto="1"/>
      </right>
      <top/>
      <bottom style="medium">
        <color auto="1"/>
      </bottom>
      <diagonal/>
    </border>
    <border>
      <left style="thin">
        <color auto="1"/>
      </left>
      <right style="thin">
        <color auto="1"/>
      </right>
      <top style="medium">
        <color auto="1"/>
      </top>
      <bottom/>
      <diagonal/>
    </border>
    <border>
      <left style="medium">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thin">
        <color auto="1"/>
      </right>
      <top style="thin">
        <color auto="1"/>
      </top>
      <bottom/>
      <diagonal/>
    </border>
    <border>
      <left style="thin">
        <color auto="1"/>
      </left>
      <right style="medium">
        <color auto="1"/>
      </right>
      <top style="thin">
        <color auto="1"/>
      </top>
      <bottom/>
      <diagonal/>
    </border>
    <border>
      <left style="medium">
        <color auto="1"/>
      </left>
      <right style="thin">
        <color auto="1"/>
      </right>
      <top style="thin">
        <color auto="1"/>
      </top>
      <bottom style="medium">
        <color auto="1"/>
      </bottom>
      <diagonal/>
    </border>
    <border>
      <left style="thin">
        <color auto="1"/>
      </left>
      <right style="medium">
        <color auto="1"/>
      </right>
      <top style="thin">
        <color auto="1"/>
      </top>
      <bottom style="medium">
        <color auto="1"/>
      </bottom>
      <diagonal/>
    </border>
    <border>
      <left style="medium">
        <color auto="1"/>
      </left>
      <right style="thin">
        <color auto="1"/>
      </right>
      <top/>
      <bottom style="thin">
        <color auto="1"/>
      </bottom>
      <diagonal/>
    </border>
    <border>
      <left style="thin">
        <color auto="1"/>
      </left>
      <right style="medium">
        <color auto="1"/>
      </right>
      <top/>
      <bottom style="thin">
        <color auto="1"/>
      </bottom>
      <diagonal/>
    </border>
    <border>
      <left style="medium">
        <color auto="1"/>
      </left>
      <right style="thin">
        <color auto="1"/>
      </right>
      <top/>
      <bottom/>
      <diagonal/>
    </border>
    <border>
      <left style="medium">
        <color auto="1"/>
      </left>
      <right style="thin">
        <color auto="1"/>
      </right>
      <top style="medium">
        <color auto="1"/>
      </top>
      <bottom style="medium">
        <color auto="1"/>
      </bottom>
      <diagonal/>
    </border>
    <border>
      <left style="thin">
        <color auto="1"/>
      </left>
      <right style="medium">
        <color auto="1"/>
      </right>
      <top style="medium">
        <color auto="1"/>
      </top>
      <bottom style="medium">
        <color auto="1"/>
      </bottom>
      <diagonal/>
    </border>
    <border>
      <left style="thin">
        <color auto="1"/>
      </left>
      <right style="medium">
        <color auto="1"/>
      </right>
      <top style="medium">
        <color auto="1"/>
      </top>
      <bottom/>
      <diagonal/>
    </border>
    <border>
      <left style="medium">
        <color auto="1"/>
      </left>
      <right style="thin">
        <color auto="1"/>
      </right>
      <top/>
      <bottom style="medium">
        <color auto="1"/>
      </bottom>
      <diagonal/>
    </border>
    <border>
      <left style="thin">
        <color auto="1"/>
      </left>
      <right style="medium">
        <color auto="1"/>
      </right>
      <top/>
      <bottom style="medium">
        <color auto="1"/>
      </bottom>
      <diagonal/>
    </border>
    <border>
      <left style="medium">
        <color auto="1"/>
      </left>
      <right style="thin">
        <color auto="1"/>
      </right>
      <top style="medium">
        <color auto="1"/>
      </top>
      <bottom/>
      <diagonal/>
    </border>
  </borders>
  <cellStyleXfs count="1">
    <xf numFmtId="0" fontId="0" fillId="0" borderId="0">
      <alignment vertical="center"/>
    </xf>
  </cellStyleXfs>
  <cellXfs count="58">
    <xf numFmtId="0" fontId="0" fillId="0" borderId="0" xfId="0">
      <alignment vertical="center"/>
    </xf>
    <xf numFmtId="0" fontId="0" fillId="0" borderId="1" xfId="0" applyBorder="1" applyAlignment="1">
      <alignment vertical="center" wrapText="1"/>
    </xf>
    <xf numFmtId="0" fontId="0" fillId="0" borderId="4" xfId="0" applyBorder="1" applyAlignment="1">
      <alignment vertical="center" wrapText="1"/>
    </xf>
    <xf numFmtId="0" fontId="0" fillId="0" borderId="3" xfId="0" applyBorder="1" applyAlignment="1">
      <alignment vertical="center" wrapText="1"/>
    </xf>
    <xf numFmtId="0" fontId="0" fillId="0" borderId="6" xfId="0" applyBorder="1" applyAlignment="1">
      <alignment vertical="center" wrapText="1"/>
    </xf>
    <xf numFmtId="0" fontId="0" fillId="0" borderId="5" xfId="0" applyBorder="1" applyAlignment="1">
      <alignment vertical="center" wrapText="1"/>
    </xf>
    <xf numFmtId="0" fontId="0" fillId="0" borderId="7" xfId="0" applyBorder="1" applyAlignment="1">
      <alignment vertical="center" wrapText="1"/>
    </xf>
    <xf numFmtId="0" fontId="0" fillId="0" borderId="2" xfId="0" applyBorder="1" applyAlignment="1">
      <alignment vertical="center" wrapText="1"/>
    </xf>
    <xf numFmtId="0" fontId="0" fillId="0" borderId="8" xfId="0" applyBorder="1" applyAlignment="1">
      <alignment vertical="center" wrapText="1"/>
    </xf>
    <xf numFmtId="0" fontId="0" fillId="0" borderId="9" xfId="0" applyBorder="1" applyAlignment="1">
      <alignment vertical="center" wrapText="1"/>
    </xf>
    <xf numFmtId="0" fontId="0" fillId="0" borderId="0" xfId="0" applyFill="1" applyBorder="1" applyAlignment="1">
      <alignment vertical="center" wrapText="1"/>
    </xf>
    <xf numFmtId="0" fontId="0" fillId="0" borderId="12" xfId="0" applyBorder="1" applyAlignment="1">
      <alignment vertical="center" wrapText="1"/>
    </xf>
    <xf numFmtId="0" fontId="0" fillId="0" borderId="13" xfId="0" applyBorder="1">
      <alignment vertical="center"/>
    </xf>
    <xf numFmtId="0" fontId="0" fillId="0" borderId="13" xfId="0" applyBorder="1" applyAlignment="1">
      <alignment vertical="center" wrapText="1"/>
    </xf>
    <xf numFmtId="0" fontId="0" fillId="0" borderId="14" xfId="0" applyBorder="1" applyAlignment="1">
      <alignment vertical="center" wrapText="1"/>
    </xf>
    <xf numFmtId="0" fontId="0" fillId="0" borderId="15" xfId="0" applyBorder="1" applyAlignment="1">
      <alignment vertical="center" wrapText="1"/>
    </xf>
    <xf numFmtId="0" fontId="0" fillId="0" borderId="16" xfId="0" applyBorder="1" applyAlignment="1">
      <alignment vertical="center" wrapText="1"/>
    </xf>
    <xf numFmtId="0" fontId="0" fillId="0" borderId="17" xfId="0" applyBorder="1">
      <alignment vertical="center"/>
    </xf>
    <xf numFmtId="0" fontId="0" fillId="0" borderId="18" xfId="0" applyBorder="1" applyAlignment="1">
      <alignment vertical="center" wrapText="1"/>
    </xf>
    <xf numFmtId="0" fontId="0" fillId="0" borderId="19" xfId="0" applyBorder="1">
      <alignment vertical="center"/>
    </xf>
    <xf numFmtId="0" fontId="0" fillId="0" borderId="15" xfId="0" applyBorder="1">
      <alignment vertical="center"/>
    </xf>
    <xf numFmtId="0" fontId="0" fillId="0" borderId="17" xfId="0" applyFill="1" applyBorder="1" applyAlignment="1">
      <alignment vertical="center" wrapText="1"/>
    </xf>
    <xf numFmtId="0" fontId="0" fillId="0" borderId="20" xfId="0" applyBorder="1" applyAlignment="1">
      <alignment vertical="center" wrapText="1"/>
    </xf>
    <xf numFmtId="0" fontId="0" fillId="0" borderId="19" xfId="0" applyBorder="1" applyAlignment="1">
      <alignment vertical="center" wrapText="1"/>
    </xf>
    <xf numFmtId="0" fontId="0" fillId="0" borderId="10" xfId="0" applyBorder="1" applyAlignment="1">
      <alignment vertical="center" wrapText="1"/>
    </xf>
    <xf numFmtId="0" fontId="2" fillId="0" borderId="11" xfId="0" applyFont="1" applyFill="1" applyBorder="1" applyAlignment="1">
      <alignment vertical="center" wrapText="1"/>
    </xf>
    <xf numFmtId="0" fontId="0" fillId="0" borderId="15" xfId="0" applyFill="1" applyBorder="1" applyAlignment="1">
      <alignment vertical="center" wrapText="1"/>
    </xf>
    <xf numFmtId="0" fontId="0" fillId="0" borderId="11" xfId="0" applyBorder="1" applyAlignment="1">
      <alignment vertical="center" wrapText="1"/>
    </xf>
    <xf numFmtId="0" fontId="0" fillId="0" borderId="17" xfId="0" applyBorder="1" applyAlignment="1">
      <alignment vertical="center" wrapText="1"/>
    </xf>
    <xf numFmtId="0" fontId="0" fillId="0" borderId="19" xfId="0" applyFill="1" applyBorder="1" applyAlignment="1">
      <alignment vertical="center" wrapText="1"/>
    </xf>
    <xf numFmtId="0" fontId="0" fillId="0" borderId="13" xfId="0" applyFill="1" applyBorder="1" applyAlignment="1">
      <alignment vertical="center" wrapText="1"/>
    </xf>
    <xf numFmtId="0" fontId="0" fillId="0" borderId="11" xfId="0" applyBorder="1">
      <alignment vertical="center"/>
    </xf>
    <xf numFmtId="0" fontId="0" fillId="0" borderId="11" xfId="0" applyFill="1" applyBorder="1" applyAlignment="1">
      <alignment vertical="center" wrapText="1"/>
    </xf>
    <xf numFmtId="0" fontId="0" fillId="0" borderId="21" xfId="0" applyBorder="1" applyAlignment="1">
      <alignment vertical="center" wrapText="1"/>
    </xf>
    <xf numFmtId="0" fontId="0" fillId="0" borderId="22" xfId="0" applyFill="1" applyBorder="1" applyAlignment="1">
      <alignment vertical="center" wrapText="1"/>
    </xf>
    <xf numFmtId="0" fontId="0" fillId="0" borderId="23" xfId="0" applyFill="1" applyBorder="1" applyAlignment="1">
      <alignment vertical="center" wrapText="1"/>
    </xf>
    <xf numFmtId="0" fontId="0" fillId="0" borderId="24" xfId="0" applyBorder="1" applyAlignment="1">
      <alignment vertical="center" wrapText="1"/>
    </xf>
    <xf numFmtId="0" fontId="0" fillId="0" borderId="25" xfId="0" applyFill="1" applyBorder="1" applyAlignment="1">
      <alignment vertical="center" wrapText="1"/>
    </xf>
    <xf numFmtId="0" fontId="0" fillId="0" borderId="26" xfId="0" applyBorder="1" applyAlignment="1">
      <alignment vertical="center" wrapText="1"/>
    </xf>
    <xf numFmtId="0" fontId="3" fillId="0" borderId="1" xfId="0" applyFont="1" applyBorder="1" applyAlignment="1">
      <alignment vertical="center" wrapText="1"/>
    </xf>
    <xf numFmtId="0" fontId="3" fillId="0" borderId="6" xfId="0" applyFont="1" applyBorder="1" applyAlignment="1">
      <alignment vertical="center" wrapText="1"/>
    </xf>
    <xf numFmtId="0" fontId="3" fillId="0" borderId="3" xfId="0" applyFont="1" applyBorder="1" applyAlignment="1">
      <alignment vertical="center" wrapText="1"/>
    </xf>
    <xf numFmtId="0" fontId="3" fillId="0" borderId="4" xfId="0" applyFont="1" applyBorder="1" applyAlignment="1">
      <alignment vertical="center" wrapText="1"/>
    </xf>
    <xf numFmtId="0" fontId="3" fillId="0" borderId="2" xfId="0" applyFont="1" applyBorder="1" applyAlignment="1">
      <alignment vertical="center" wrapText="1"/>
    </xf>
    <xf numFmtId="0" fontId="3" fillId="0" borderId="5" xfId="0" applyFont="1" applyBorder="1" applyAlignment="1">
      <alignment vertical="center" wrapText="1"/>
    </xf>
    <xf numFmtId="0" fontId="3" fillId="0" borderId="8" xfId="0" applyFont="1" applyBorder="1" applyAlignment="1">
      <alignment vertical="center" wrapText="1"/>
    </xf>
    <xf numFmtId="0" fontId="3" fillId="0" borderId="9" xfId="0" applyFont="1" applyBorder="1" applyAlignment="1">
      <alignment vertical="center" wrapText="1"/>
    </xf>
    <xf numFmtId="0" fontId="4" fillId="0" borderId="1" xfId="0" applyFont="1" applyBorder="1" applyAlignment="1">
      <alignment vertical="center" wrapText="1"/>
    </xf>
    <xf numFmtId="0" fontId="3" fillId="0" borderId="13" xfId="0" applyFont="1" applyFill="1" applyBorder="1" applyAlignment="1">
      <alignment vertical="center" wrapText="1"/>
    </xf>
    <xf numFmtId="0" fontId="2" fillId="0" borderId="13" xfId="0" applyFont="1" applyFill="1" applyBorder="1" applyAlignment="1">
      <alignment vertical="center" wrapText="1"/>
    </xf>
    <xf numFmtId="0" fontId="2" fillId="0" borderId="15" xfId="0" applyFont="1" applyFill="1" applyBorder="1" applyAlignment="1">
      <alignment vertical="center" wrapText="1"/>
    </xf>
    <xf numFmtId="0" fontId="4" fillId="0" borderId="12" xfId="0" applyFont="1" applyBorder="1" applyAlignment="1">
      <alignment vertical="center" wrapText="1"/>
    </xf>
    <xf numFmtId="0" fontId="5" fillId="2" borderId="26" xfId="0" applyFont="1" applyFill="1" applyBorder="1" applyAlignment="1">
      <alignment vertical="center" wrapText="1"/>
    </xf>
    <xf numFmtId="0" fontId="5" fillId="2" borderId="9" xfId="0" applyFont="1" applyFill="1" applyBorder="1" applyAlignment="1">
      <alignment vertical="center" wrapText="1"/>
    </xf>
    <xf numFmtId="0" fontId="5" fillId="2" borderId="23" xfId="0" applyFont="1" applyFill="1" applyBorder="1" applyAlignment="1">
      <alignment vertical="center" wrapText="1"/>
    </xf>
    <xf numFmtId="0" fontId="2" fillId="0" borderId="0" xfId="0" applyFont="1" applyFill="1" applyBorder="1" applyAlignment="1">
      <alignment vertical="center" wrapText="1"/>
    </xf>
    <xf numFmtId="0" fontId="2" fillId="0" borderId="19" xfId="0" applyFont="1" applyFill="1" applyBorder="1" applyAlignment="1">
      <alignment vertical="center" wrapText="1"/>
    </xf>
    <xf numFmtId="0" fontId="6" fillId="0" borderId="0" xfId="0" applyFont="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3</xdr:col>
      <xdr:colOff>2941179</xdr:colOff>
      <xdr:row>0</xdr:row>
      <xdr:rowOff>28485</xdr:rowOff>
    </xdr:from>
    <xdr:to>
      <xdr:col>4</xdr:col>
      <xdr:colOff>555478</xdr:colOff>
      <xdr:row>1</xdr:row>
      <xdr:rowOff>99702</xdr:rowOff>
    </xdr:to>
    <xdr:sp macro="" textlink="">
      <xdr:nvSpPr>
        <xdr:cNvPr id="2" name="正方形/長方形 1"/>
        <xdr:cNvSpPr/>
      </xdr:nvSpPr>
      <xdr:spPr>
        <a:xfrm>
          <a:off x="6993310" y="28485"/>
          <a:ext cx="1125196" cy="256376"/>
        </a:xfrm>
        <a:prstGeom prst="rect">
          <a:avLst/>
        </a:prstGeom>
        <a:solidFill>
          <a:schemeClr val="bg1"/>
        </a:solidFill>
        <a:ln w="9525">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ysClr val="windowText" lastClr="000000"/>
              </a:solidFill>
            </a:rPr>
            <a:t>参考資料１－３</a:t>
          </a:r>
          <a:endParaRPr kumimoji="1" lang="en-US" altLang="ja-JP"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4:F91"/>
  <sheetViews>
    <sheetView tabSelected="1" view="pageBreakPreview" zoomScale="107" zoomScaleNormal="100" zoomScaleSheetLayoutView="107" workbookViewId="0">
      <selection activeCell="C9" sqref="C9"/>
    </sheetView>
  </sheetViews>
  <sheetFormatPr defaultRowHeight="14.4" x14ac:dyDescent="0.2"/>
  <cols>
    <col min="2" max="2" width="9.796875" customWidth="1"/>
    <col min="3" max="3" width="34.59765625" customWidth="1"/>
    <col min="4" max="4" width="46.09765625" customWidth="1"/>
    <col min="5" max="5" width="8.09765625" customWidth="1"/>
    <col min="7" max="8" width="41.296875" customWidth="1"/>
  </cols>
  <sheetData>
    <row r="4" spans="1:5" ht="16.2" x14ac:dyDescent="0.2">
      <c r="A4" s="57" t="s">
        <v>146</v>
      </c>
      <c r="B4" s="57"/>
      <c r="C4" s="57"/>
      <c r="D4" s="57"/>
      <c r="E4" s="57"/>
    </row>
    <row r="5" spans="1:5" ht="15" thickBot="1" x14ac:dyDescent="0.25"/>
    <row r="6" spans="1:5" ht="29.4" thickBot="1" x14ac:dyDescent="0.25">
      <c r="A6" s="52" t="s">
        <v>164</v>
      </c>
      <c r="B6" s="53" t="s">
        <v>0</v>
      </c>
      <c r="C6" s="53" t="s">
        <v>1</v>
      </c>
      <c r="D6" s="53" t="s">
        <v>163</v>
      </c>
      <c r="E6" s="54" t="s">
        <v>135</v>
      </c>
    </row>
    <row r="7" spans="1:5" x14ac:dyDescent="0.2">
      <c r="A7" s="24">
        <v>1</v>
      </c>
      <c r="B7" s="5" t="s">
        <v>2</v>
      </c>
      <c r="C7" s="5" t="s">
        <v>10</v>
      </c>
      <c r="D7" s="44" t="s">
        <v>139</v>
      </c>
      <c r="E7" s="31">
        <v>3</v>
      </c>
    </row>
    <row r="8" spans="1:5" x14ac:dyDescent="0.2">
      <c r="A8" s="11">
        <v>1</v>
      </c>
      <c r="B8" s="1" t="s">
        <v>2</v>
      </c>
      <c r="C8" s="1" t="s">
        <v>9</v>
      </c>
      <c r="D8" s="39" t="s">
        <v>140</v>
      </c>
      <c r="E8" s="13">
        <v>3</v>
      </c>
    </row>
    <row r="9" spans="1:5" ht="28.8" x14ac:dyDescent="0.2">
      <c r="A9" s="11">
        <v>1</v>
      </c>
      <c r="B9" s="1" t="s">
        <v>2</v>
      </c>
      <c r="C9" s="1" t="s">
        <v>109</v>
      </c>
      <c r="D9" s="39" t="s">
        <v>6</v>
      </c>
      <c r="E9" s="13">
        <v>4</v>
      </c>
    </row>
    <row r="10" spans="1:5" x14ac:dyDescent="0.2">
      <c r="A10" s="11">
        <v>1</v>
      </c>
      <c r="B10" s="1" t="s">
        <v>2</v>
      </c>
      <c r="C10" s="1" t="s">
        <v>12</v>
      </c>
      <c r="D10" s="39" t="s">
        <v>13</v>
      </c>
      <c r="E10" s="12">
        <v>4</v>
      </c>
    </row>
    <row r="11" spans="1:5" x14ac:dyDescent="0.2">
      <c r="A11" s="11">
        <v>1</v>
      </c>
      <c r="B11" s="1" t="s">
        <v>2</v>
      </c>
      <c r="C11" s="1" t="s">
        <v>3</v>
      </c>
      <c r="D11" s="39" t="s">
        <v>4</v>
      </c>
      <c r="E11" s="12">
        <v>4</v>
      </c>
    </row>
    <row r="12" spans="1:5" x14ac:dyDescent="0.2">
      <c r="A12" s="11">
        <v>1</v>
      </c>
      <c r="B12" s="1" t="s">
        <v>2</v>
      </c>
      <c r="C12" s="1" t="s">
        <v>81</v>
      </c>
      <c r="D12" s="39" t="s">
        <v>141</v>
      </c>
      <c r="E12" s="48">
        <v>5</v>
      </c>
    </row>
    <row r="13" spans="1:5" x14ac:dyDescent="0.2">
      <c r="A13" s="11">
        <v>1</v>
      </c>
      <c r="B13" s="1" t="s">
        <v>2</v>
      </c>
      <c r="C13" s="1" t="s">
        <v>83</v>
      </c>
      <c r="D13" s="39" t="s">
        <v>11</v>
      </c>
      <c r="E13" s="13">
        <v>7</v>
      </c>
    </row>
    <row r="14" spans="1:5" x14ac:dyDescent="0.2">
      <c r="A14" s="14">
        <v>1</v>
      </c>
      <c r="B14" s="4" t="s">
        <v>14</v>
      </c>
      <c r="C14" s="4" t="s">
        <v>84</v>
      </c>
      <c r="D14" s="40" t="s">
        <v>142</v>
      </c>
      <c r="E14" s="15">
        <v>7</v>
      </c>
    </row>
    <row r="15" spans="1:5" ht="28.8" x14ac:dyDescent="0.2">
      <c r="A15" s="11">
        <v>1</v>
      </c>
      <c r="B15" s="1" t="s">
        <v>2</v>
      </c>
      <c r="C15" s="1" t="s">
        <v>5</v>
      </c>
      <c r="D15" s="39" t="s">
        <v>143</v>
      </c>
      <c r="E15" s="13">
        <v>7</v>
      </c>
    </row>
    <row r="16" spans="1:5" x14ac:dyDescent="0.2">
      <c r="A16" s="11">
        <v>1</v>
      </c>
      <c r="B16" s="1" t="s">
        <v>2</v>
      </c>
      <c r="C16" s="1" t="s">
        <v>7</v>
      </c>
      <c r="D16" s="39" t="s">
        <v>8</v>
      </c>
      <c r="E16" s="12">
        <v>8</v>
      </c>
    </row>
    <row r="17" spans="1:6" ht="15" thickBot="1" x14ac:dyDescent="0.25">
      <c r="A17" s="16">
        <v>1</v>
      </c>
      <c r="B17" s="3" t="s">
        <v>2</v>
      </c>
      <c r="C17" s="3" t="s">
        <v>120</v>
      </c>
      <c r="D17" s="41" t="s">
        <v>121</v>
      </c>
      <c r="E17" s="17">
        <v>8</v>
      </c>
    </row>
    <row r="18" spans="1:6" ht="28.8" x14ac:dyDescent="0.2">
      <c r="A18" s="18">
        <v>1</v>
      </c>
      <c r="B18" s="2" t="s">
        <v>15</v>
      </c>
      <c r="C18" s="2" t="s">
        <v>20</v>
      </c>
      <c r="D18" s="42" t="s">
        <v>21</v>
      </c>
      <c r="E18" s="19">
        <v>8</v>
      </c>
    </row>
    <row r="19" spans="1:6" x14ac:dyDescent="0.2">
      <c r="A19" s="18">
        <v>1</v>
      </c>
      <c r="B19" s="2" t="s">
        <v>15</v>
      </c>
      <c r="C19" s="2" t="s">
        <v>16</v>
      </c>
      <c r="D19" s="42" t="s">
        <v>17</v>
      </c>
      <c r="E19" s="12">
        <v>9</v>
      </c>
    </row>
    <row r="20" spans="1:6" x14ac:dyDescent="0.2">
      <c r="A20" s="11">
        <v>1</v>
      </c>
      <c r="B20" s="1" t="s">
        <v>15</v>
      </c>
      <c r="C20" s="1" t="s">
        <v>18</v>
      </c>
      <c r="D20" s="39" t="s">
        <v>19</v>
      </c>
      <c r="E20" s="12">
        <v>9</v>
      </c>
    </row>
    <row r="21" spans="1:6" ht="15" thickBot="1" x14ac:dyDescent="0.25">
      <c r="A21" s="16">
        <v>1</v>
      </c>
      <c r="B21" s="3" t="s">
        <v>15</v>
      </c>
      <c r="C21" s="3" t="s">
        <v>78</v>
      </c>
      <c r="D21" s="41" t="s">
        <v>22</v>
      </c>
      <c r="E21" s="17">
        <v>9</v>
      </c>
    </row>
    <row r="22" spans="1:6" x14ac:dyDescent="0.2">
      <c r="A22" s="14">
        <v>2</v>
      </c>
      <c r="B22" s="4" t="s">
        <v>23</v>
      </c>
      <c r="C22" s="4" t="s">
        <v>80</v>
      </c>
      <c r="D22" s="40" t="s">
        <v>27</v>
      </c>
      <c r="E22" s="20">
        <v>10</v>
      </c>
    </row>
    <row r="23" spans="1:6" x14ac:dyDescent="0.2">
      <c r="A23" s="11">
        <v>2</v>
      </c>
      <c r="B23" s="1" t="s">
        <v>23</v>
      </c>
      <c r="C23" s="1" t="s">
        <v>79</v>
      </c>
      <c r="D23" s="39" t="s">
        <v>26</v>
      </c>
      <c r="E23" s="12">
        <v>10</v>
      </c>
    </row>
    <row r="24" spans="1:6" x14ac:dyDescent="0.2">
      <c r="A24" s="11">
        <v>2</v>
      </c>
      <c r="B24" s="1" t="s">
        <v>23</v>
      </c>
      <c r="C24" s="1" t="s">
        <v>81</v>
      </c>
      <c r="D24" s="39" t="s">
        <v>24</v>
      </c>
      <c r="E24" s="12">
        <v>10</v>
      </c>
    </row>
    <row r="25" spans="1:6" x14ac:dyDescent="0.2">
      <c r="A25" s="14">
        <v>2</v>
      </c>
      <c r="B25" s="4" t="s">
        <v>23</v>
      </c>
      <c r="C25" s="4" t="s">
        <v>82</v>
      </c>
      <c r="D25" s="40" t="s">
        <v>25</v>
      </c>
      <c r="E25" s="15">
        <v>11</v>
      </c>
    </row>
    <row r="26" spans="1:6" ht="15" thickBot="1" x14ac:dyDescent="0.25">
      <c r="A26" s="16">
        <v>2</v>
      </c>
      <c r="B26" s="3" t="s">
        <v>23</v>
      </c>
      <c r="C26" s="3" t="s">
        <v>7</v>
      </c>
      <c r="D26" s="41" t="s">
        <v>8</v>
      </c>
      <c r="E26" s="21">
        <v>11</v>
      </c>
    </row>
    <row r="27" spans="1:6" ht="28.8" x14ac:dyDescent="0.2">
      <c r="A27" s="22">
        <v>2</v>
      </c>
      <c r="B27" s="7" t="s">
        <v>15</v>
      </c>
      <c r="C27" s="7" t="s">
        <v>151</v>
      </c>
      <c r="D27" s="43" t="s">
        <v>152</v>
      </c>
      <c r="E27" s="23">
        <v>12</v>
      </c>
    </row>
    <row r="28" spans="1:6" x14ac:dyDescent="0.2">
      <c r="A28" s="11">
        <v>2</v>
      </c>
      <c r="B28" s="1" t="s">
        <v>15</v>
      </c>
      <c r="C28" s="1" t="s">
        <v>28</v>
      </c>
      <c r="D28" s="39" t="s">
        <v>29</v>
      </c>
      <c r="E28" s="12">
        <v>12</v>
      </c>
    </row>
    <row r="29" spans="1:6" x14ac:dyDescent="0.2">
      <c r="A29" s="11">
        <v>2</v>
      </c>
      <c r="B29" s="1" t="s">
        <v>161</v>
      </c>
      <c r="C29" s="1" t="s">
        <v>34</v>
      </c>
      <c r="D29" s="39" t="s">
        <v>130</v>
      </c>
      <c r="E29" s="49">
        <v>12</v>
      </c>
      <c r="F29" s="55"/>
    </row>
    <row r="30" spans="1:6" ht="28.8" x14ac:dyDescent="0.2">
      <c r="A30" s="11">
        <v>2</v>
      </c>
      <c r="B30" s="1" t="s">
        <v>15</v>
      </c>
      <c r="C30" s="1" t="s">
        <v>34</v>
      </c>
      <c r="D30" s="39" t="s">
        <v>30</v>
      </c>
      <c r="E30" s="49">
        <v>12</v>
      </c>
      <c r="F30" s="55"/>
    </row>
    <row r="31" spans="1:6" ht="43.2" x14ac:dyDescent="0.2">
      <c r="A31" s="14">
        <v>2</v>
      </c>
      <c r="B31" s="4" t="s">
        <v>162</v>
      </c>
      <c r="C31" s="4" t="s">
        <v>34</v>
      </c>
      <c r="D31" s="40" t="s">
        <v>31</v>
      </c>
      <c r="E31" s="50">
        <v>13</v>
      </c>
      <c r="F31" s="55"/>
    </row>
    <row r="32" spans="1:6" ht="28.8" x14ac:dyDescent="0.2">
      <c r="A32" s="14">
        <v>2</v>
      </c>
      <c r="B32" s="4" t="s">
        <v>15</v>
      </c>
      <c r="C32" s="4" t="s">
        <v>81</v>
      </c>
      <c r="D32" s="40" t="s">
        <v>32</v>
      </c>
      <c r="E32" s="15">
        <v>13</v>
      </c>
    </row>
    <row r="33" spans="1:6" x14ac:dyDescent="0.2">
      <c r="A33" s="14">
        <v>2</v>
      </c>
      <c r="B33" s="4" t="s">
        <v>15</v>
      </c>
      <c r="C33" s="4" t="s">
        <v>154</v>
      </c>
      <c r="D33" s="40" t="s">
        <v>155</v>
      </c>
      <c r="E33" s="15">
        <v>14</v>
      </c>
    </row>
    <row r="34" spans="1:6" x14ac:dyDescent="0.2">
      <c r="A34" s="14">
        <v>2</v>
      </c>
      <c r="B34" s="4" t="s">
        <v>15</v>
      </c>
      <c r="C34" s="4" t="s">
        <v>157</v>
      </c>
      <c r="D34" s="40" t="s">
        <v>156</v>
      </c>
      <c r="E34" s="15">
        <v>14</v>
      </c>
    </row>
    <row r="35" spans="1:6" ht="29.4" thickBot="1" x14ac:dyDescent="0.25">
      <c r="A35" s="11">
        <v>2</v>
      </c>
      <c r="B35" s="1" t="s">
        <v>15</v>
      </c>
      <c r="C35" s="1" t="s">
        <v>158</v>
      </c>
      <c r="D35" s="39" t="s">
        <v>160</v>
      </c>
      <c r="E35" s="12">
        <v>14</v>
      </c>
    </row>
    <row r="36" spans="1:6" ht="28.8" x14ac:dyDescent="0.2">
      <c r="A36" s="24">
        <v>3</v>
      </c>
      <c r="B36" s="5" t="s">
        <v>23</v>
      </c>
      <c r="C36" s="5" t="s">
        <v>151</v>
      </c>
      <c r="D36" s="44" t="s">
        <v>153</v>
      </c>
      <c r="E36" s="25">
        <v>15</v>
      </c>
      <c r="F36" s="55"/>
    </row>
    <row r="37" spans="1:6" x14ac:dyDescent="0.2">
      <c r="A37" s="18">
        <v>3</v>
      </c>
      <c r="B37" s="2" t="s">
        <v>2</v>
      </c>
      <c r="C37" s="2" t="s">
        <v>149</v>
      </c>
      <c r="D37" s="42" t="s">
        <v>150</v>
      </c>
      <c r="E37" s="56">
        <v>15</v>
      </c>
      <c r="F37" s="55"/>
    </row>
    <row r="38" spans="1:6" x14ac:dyDescent="0.2">
      <c r="A38" s="11">
        <v>3</v>
      </c>
      <c r="B38" s="1" t="s">
        <v>129</v>
      </c>
      <c r="C38" s="1" t="s">
        <v>128</v>
      </c>
      <c r="D38" s="39" t="s">
        <v>130</v>
      </c>
      <c r="E38" s="49">
        <v>15</v>
      </c>
      <c r="F38" s="55"/>
    </row>
    <row r="39" spans="1:6" ht="28.8" x14ac:dyDescent="0.2">
      <c r="A39" s="11">
        <v>3</v>
      </c>
      <c r="B39" s="1" t="s">
        <v>23</v>
      </c>
      <c r="C39" s="1" t="s">
        <v>34</v>
      </c>
      <c r="D39" s="39" t="s">
        <v>30</v>
      </c>
      <c r="E39" s="49">
        <v>15</v>
      </c>
      <c r="F39" s="55"/>
    </row>
    <row r="40" spans="1:6" ht="43.2" x14ac:dyDescent="0.2">
      <c r="A40" s="14">
        <v>3</v>
      </c>
      <c r="B40" s="4" t="s">
        <v>23</v>
      </c>
      <c r="C40" s="4" t="s">
        <v>35</v>
      </c>
      <c r="D40" s="40" t="s">
        <v>31</v>
      </c>
      <c r="E40" s="50">
        <v>16</v>
      </c>
      <c r="F40" s="55"/>
    </row>
    <row r="41" spans="1:6" ht="28.8" x14ac:dyDescent="0.2">
      <c r="A41" s="14">
        <v>3</v>
      </c>
      <c r="B41" s="4" t="s">
        <v>2</v>
      </c>
      <c r="C41" s="4" t="s">
        <v>113</v>
      </c>
      <c r="D41" s="40" t="s">
        <v>114</v>
      </c>
      <c r="E41" s="26">
        <v>16</v>
      </c>
      <c r="F41" s="55"/>
    </row>
    <row r="42" spans="1:6" x14ac:dyDescent="0.2">
      <c r="A42" s="14">
        <v>3</v>
      </c>
      <c r="B42" s="4" t="s">
        <v>2</v>
      </c>
      <c r="C42" s="4" t="s">
        <v>154</v>
      </c>
      <c r="D42" s="40" t="s">
        <v>155</v>
      </c>
      <c r="E42" s="26">
        <v>16</v>
      </c>
      <c r="F42" s="55"/>
    </row>
    <row r="43" spans="1:6" x14ac:dyDescent="0.2">
      <c r="A43" s="14">
        <v>3</v>
      </c>
      <c r="B43" s="4" t="s">
        <v>2</v>
      </c>
      <c r="C43" s="4" t="s">
        <v>154</v>
      </c>
      <c r="D43" s="40" t="s">
        <v>156</v>
      </c>
      <c r="E43" s="26">
        <v>17</v>
      </c>
      <c r="F43" s="55"/>
    </row>
    <row r="44" spans="1:6" ht="29.4" thickBot="1" x14ac:dyDescent="0.25">
      <c r="A44" s="14">
        <v>3</v>
      </c>
      <c r="B44" s="4" t="s">
        <v>23</v>
      </c>
      <c r="C44" s="4" t="s">
        <v>159</v>
      </c>
      <c r="D44" s="39" t="s">
        <v>160</v>
      </c>
      <c r="E44" s="26">
        <v>17</v>
      </c>
      <c r="F44" s="55"/>
    </row>
    <row r="45" spans="1:6" x14ac:dyDescent="0.2">
      <c r="A45" s="24">
        <v>3</v>
      </c>
      <c r="B45" s="5" t="s">
        <v>36</v>
      </c>
      <c r="C45" s="5" t="s">
        <v>10</v>
      </c>
      <c r="D45" s="44" t="s">
        <v>147</v>
      </c>
      <c r="E45" s="27">
        <v>18</v>
      </c>
    </row>
    <row r="46" spans="1:6" ht="28.8" x14ac:dyDescent="0.2">
      <c r="A46" s="11">
        <v>3</v>
      </c>
      <c r="B46" s="1" t="s">
        <v>36</v>
      </c>
      <c r="C46" s="1" t="s">
        <v>33</v>
      </c>
      <c r="D46" s="39" t="s">
        <v>39</v>
      </c>
      <c r="E46" s="13">
        <v>18</v>
      </c>
    </row>
    <row r="47" spans="1:6" x14ac:dyDescent="0.2">
      <c r="A47" s="14">
        <v>3</v>
      </c>
      <c r="B47" s="4" t="s">
        <v>36</v>
      </c>
      <c r="C47" s="4" t="s">
        <v>41</v>
      </c>
      <c r="D47" s="40" t="s">
        <v>40</v>
      </c>
      <c r="E47" s="12">
        <v>19</v>
      </c>
    </row>
    <row r="48" spans="1:6" ht="28.8" x14ac:dyDescent="0.2">
      <c r="A48" s="11">
        <v>3</v>
      </c>
      <c r="B48" s="1" t="s">
        <v>36</v>
      </c>
      <c r="C48" s="47" t="s">
        <v>85</v>
      </c>
      <c r="D48" s="39" t="s">
        <v>38</v>
      </c>
      <c r="E48" s="20">
        <v>19</v>
      </c>
    </row>
    <row r="49" spans="1:5" x14ac:dyDescent="0.2">
      <c r="A49" s="11">
        <v>3</v>
      </c>
      <c r="B49" s="1" t="s">
        <v>15</v>
      </c>
      <c r="C49" s="39" t="s">
        <v>122</v>
      </c>
      <c r="D49" s="39" t="s">
        <v>125</v>
      </c>
      <c r="E49" s="15">
        <v>19</v>
      </c>
    </row>
    <row r="50" spans="1:5" ht="28.8" x14ac:dyDescent="0.2">
      <c r="A50" s="11">
        <v>3</v>
      </c>
      <c r="B50" s="1" t="s">
        <v>15</v>
      </c>
      <c r="C50" s="39" t="s">
        <v>123</v>
      </c>
      <c r="D50" s="39" t="s">
        <v>124</v>
      </c>
      <c r="E50" s="15">
        <v>19</v>
      </c>
    </row>
    <row r="51" spans="1:5" x14ac:dyDescent="0.2">
      <c r="A51" s="11">
        <v>3</v>
      </c>
      <c r="B51" s="1" t="s">
        <v>15</v>
      </c>
      <c r="C51" s="39" t="s">
        <v>136</v>
      </c>
      <c r="D51" s="39" t="s">
        <v>137</v>
      </c>
      <c r="E51" s="15">
        <v>20</v>
      </c>
    </row>
    <row r="52" spans="1:5" ht="15" thickBot="1" x14ac:dyDescent="0.25">
      <c r="A52" s="11">
        <v>3</v>
      </c>
      <c r="B52" s="1" t="s">
        <v>36</v>
      </c>
      <c r="C52" s="39" t="s">
        <v>138</v>
      </c>
      <c r="D52" s="39" t="s">
        <v>144</v>
      </c>
      <c r="E52" s="28">
        <v>20</v>
      </c>
    </row>
    <row r="53" spans="1:5" ht="28.8" x14ac:dyDescent="0.2">
      <c r="A53" s="24">
        <v>3</v>
      </c>
      <c r="B53" s="5" t="s">
        <v>43</v>
      </c>
      <c r="C53" s="44" t="s">
        <v>86</v>
      </c>
      <c r="D53" s="44" t="s">
        <v>38</v>
      </c>
      <c r="E53" s="29">
        <v>20</v>
      </c>
    </row>
    <row r="54" spans="1:5" x14ac:dyDescent="0.2">
      <c r="A54" s="11">
        <v>3</v>
      </c>
      <c r="B54" s="1" t="s">
        <v>42</v>
      </c>
      <c r="C54" s="39" t="s">
        <v>87</v>
      </c>
      <c r="D54" s="39" t="s">
        <v>44</v>
      </c>
      <c r="E54" s="30">
        <v>20</v>
      </c>
    </row>
    <row r="55" spans="1:5" x14ac:dyDescent="0.2">
      <c r="A55" s="11">
        <v>3</v>
      </c>
      <c r="B55" s="1" t="s">
        <v>42</v>
      </c>
      <c r="C55" s="39" t="s">
        <v>148</v>
      </c>
      <c r="D55" s="39" t="s">
        <v>127</v>
      </c>
      <c r="E55" s="48">
        <v>21</v>
      </c>
    </row>
    <row r="56" spans="1:5" ht="28.8" x14ac:dyDescent="0.2">
      <c r="A56" s="11">
        <v>3</v>
      </c>
      <c r="B56" s="1" t="s">
        <v>43</v>
      </c>
      <c r="C56" s="39" t="s">
        <v>126</v>
      </c>
      <c r="D56" s="39" t="s">
        <v>49</v>
      </c>
      <c r="E56" s="12">
        <v>21</v>
      </c>
    </row>
    <row r="57" spans="1:5" ht="28.8" x14ac:dyDescent="0.2">
      <c r="A57" s="11">
        <v>3</v>
      </c>
      <c r="B57" s="1" t="s">
        <v>43</v>
      </c>
      <c r="C57" s="39" t="s">
        <v>45</v>
      </c>
      <c r="D57" s="39" t="s">
        <v>48</v>
      </c>
      <c r="E57" s="12">
        <v>21</v>
      </c>
    </row>
    <row r="58" spans="1:5" x14ac:dyDescent="0.2">
      <c r="A58" s="11">
        <v>3</v>
      </c>
      <c r="B58" s="1" t="s">
        <v>43</v>
      </c>
      <c r="C58" s="39" t="s">
        <v>45</v>
      </c>
      <c r="D58" s="39" t="s">
        <v>47</v>
      </c>
      <c r="E58" s="12">
        <v>22</v>
      </c>
    </row>
    <row r="59" spans="1:5" x14ac:dyDescent="0.2">
      <c r="A59" s="14">
        <v>3</v>
      </c>
      <c r="B59" s="4" t="s">
        <v>51</v>
      </c>
      <c r="C59" s="40" t="s">
        <v>45</v>
      </c>
      <c r="D59" s="40" t="s">
        <v>50</v>
      </c>
      <c r="E59" s="20">
        <v>22</v>
      </c>
    </row>
    <row r="60" spans="1:5" ht="29.4" thickBot="1" x14ac:dyDescent="0.25">
      <c r="A60" s="11">
        <v>3</v>
      </c>
      <c r="B60" s="1" t="s">
        <v>43</v>
      </c>
      <c r="C60" s="39" t="s">
        <v>45</v>
      </c>
      <c r="D60" s="39" t="s">
        <v>46</v>
      </c>
      <c r="E60" s="12">
        <v>22</v>
      </c>
    </row>
    <row r="61" spans="1:5" x14ac:dyDescent="0.2">
      <c r="A61" s="24">
        <v>3</v>
      </c>
      <c r="B61" s="5" t="s">
        <v>52</v>
      </c>
      <c r="C61" s="44" t="s">
        <v>133</v>
      </c>
      <c r="D61" s="44" t="s">
        <v>134</v>
      </c>
      <c r="E61" s="31">
        <v>23</v>
      </c>
    </row>
    <row r="62" spans="1:5" x14ac:dyDescent="0.2">
      <c r="A62" s="18">
        <v>3</v>
      </c>
      <c r="B62" s="2" t="s">
        <v>52</v>
      </c>
      <c r="C62" s="42" t="s">
        <v>131</v>
      </c>
      <c r="D62" s="42" t="s">
        <v>132</v>
      </c>
      <c r="E62" s="19">
        <v>23</v>
      </c>
    </row>
    <row r="63" spans="1:5" x14ac:dyDescent="0.2">
      <c r="A63" s="11">
        <v>3</v>
      </c>
      <c r="B63" s="1" t="s">
        <v>52</v>
      </c>
      <c r="C63" s="39" t="s">
        <v>55</v>
      </c>
      <c r="D63" s="39" t="s">
        <v>56</v>
      </c>
      <c r="E63" s="12">
        <v>24</v>
      </c>
    </row>
    <row r="64" spans="1:5" ht="28.8" x14ac:dyDescent="0.2">
      <c r="A64" s="11">
        <v>3</v>
      </c>
      <c r="B64" s="1" t="s">
        <v>52</v>
      </c>
      <c r="C64" s="39" t="s">
        <v>108</v>
      </c>
      <c r="D64" s="39" t="s">
        <v>57</v>
      </c>
      <c r="E64" s="13">
        <v>24</v>
      </c>
    </row>
    <row r="65" spans="1:5" ht="28.8" x14ac:dyDescent="0.2">
      <c r="A65" s="51">
        <v>3</v>
      </c>
      <c r="B65" s="47" t="s">
        <v>111</v>
      </c>
      <c r="C65" s="39" t="s">
        <v>112</v>
      </c>
      <c r="D65" s="39" t="s">
        <v>110</v>
      </c>
      <c r="E65" s="13">
        <v>24</v>
      </c>
    </row>
    <row r="66" spans="1:5" x14ac:dyDescent="0.2">
      <c r="A66" s="11">
        <v>3</v>
      </c>
      <c r="B66" s="1" t="s">
        <v>52</v>
      </c>
      <c r="C66" s="39" t="s">
        <v>88</v>
      </c>
      <c r="D66" s="39" t="s">
        <v>58</v>
      </c>
      <c r="E66" s="12">
        <v>24</v>
      </c>
    </row>
    <row r="67" spans="1:5" ht="15" thickBot="1" x14ac:dyDescent="0.25">
      <c r="A67" s="11">
        <v>3</v>
      </c>
      <c r="B67" s="1" t="s">
        <v>52</v>
      </c>
      <c r="C67" s="1" t="s">
        <v>54</v>
      </c>
      <c r="D67" s="39" t="s">
        <v>53</v>
      </c>
      <c r="E67" s="12">
        <v>25</v>
      </c>
    </row>
    <row r="68" spans="1:5" x14ac:dyDescent="0.2">
      <c r="A68" s="24">
        <v>3</v>
      </c>
      <c r="B68" s="5" t="s">
        <v>59</v>
      </c>
      <c r="C68" s="5" t="s">
        <v>37</v>
      </c>
      <c r="D68" s="44" t="s">
        <v>145</v>
      </c>
      <c r="E68" s="32">
        <v>25</v>
      </c>
    </row>
    <row r="69" spans="1:5" ht="29.4" thickBot="1" x14ac:dyDescent="0.25">
      <c r="A69" s="14">
        <v>3</v>
      </c>
      <c r="B69" s="4" t="s">
        <v>60</v>
      </c>
      <c r="C69" s="4" t="s">
        <v>61</v>
      </c>
      <c r="D69" s="40" t="s">
        <v>62</v>
      </c>
      <c r="E69" s="20">
        <v>25</v>
      </c>
    </row>
    <row r="70" spans="1:5" ht="28.8" x14ac:dyDescent="0.2">
      <c r="A70" s="24">
        <v>4</v>
      </c>
      <c r="B70" s="5" t="s">
        <v>23</v>
      </c>
      <c r="C70" s="5" t="s">
        <v>65</v>
      </c>
      <c r="D70" s="44" t="s">
        <v>66</v>
      </c>
      <c r="E70" s="32">
        <v>26</v>
      </c>
    </row>
    <row r="71" spans="1:5" ht="28.8" x14ac:dyDescent="0.2">
      <c r="A71" s="11">
        <v>4</v>
      </c>
      <c r="B71" s="1" t="s">
        <v>23</v>
      </c>
      <c r="C71" s="1" t="s">
        <v>63</v>
      </c>
      <c r="D71" s="39" t="s">
        <v>69</v>
      </c>
      <c r="E71" s="30">
        <v>26</v>
      </c>
    </row>
    <row r="72" spans="1:5" ht="28.8" x14ac:dyDescent="0.2">
      <c r="A72" s="11">
        <v>4</v>
      </c>
      <c r="B72" s="1" t="s">
        <v>23</v>
      </c>
      <c r="C72" s="1" t="s">
        <v>63</v>
      </c>
      <c r="D72" s="39" t="s">
        <v>68</v>
      </c>
      <c r="E72" s="30">
        <v>26</v>
      </c>
    </row>
    <row r="73" spans="1:5" x14ac:dyDescent="0.2">
      <c r="A73" s="11">
        <v>4</v>
      </c>
      <c r="B73" s="1" t="s">
        <v>23</v>
      </c>
      <c r="C73" s="1" t="s">
        <v>63</v>
      </c>
      <c r="D73" s="39" t="s">
        <v>67</v>
      </c>
      <c r="E73" s="30">
        <v>26</v>
      </c>
    </row>
    <row r="74" spans="1:5" x14ac:dyDescent="0.2">
      <c r="A74" s="14">
        <v>4</v>
      </c>
      <c r="B74" s="4" t="s">
        <v>23</v>
      </c>
      <c r="C74" s="4" t="s">
        <v>63</v>
      </c>
      <c r="D74" s="40" t="s">
        <v>70</v>
      </c>
      <c r="E74" s="30">
        <v>26</v>
      </c>
    </row>
    <row r="75" spans="1:5" ht="15" thickBot="1" x14ac:dyDescent="0.25">
      <c r="A75" s="16">
        <v>4</v>
      </c>
      <c r="B75" s="3" t="s">
        <v>23</v>
      </c>
      <c r="C75" s="3" t="s">
        <v>63</v>
      </c>
      <c r="D75" s="41" t="s">
        <v>64</v>
      </c>
      <c r="E75" s="20">
        <v>27</v>
      </c>
    </row>
    <row r="76" spans="1:5" ht="28.8" x14ac:dyDescent="0.2">
      <c r="A76" s="24">
        <v>4</v>
      </c>
      <c r="B76" s="5" t="s">
        <v>71</v>
      </c>
      <c r="C76" s="5" t="s">
        <v>65</v>
      </c>
      <c r="D76" s="44" t="s">
        <v>66</v>
      </c>
      <c r="E76" s="32">
        <v>27</v>
      </c>
    </row>
    <row r="77" spans="1:5" x14ac:dyDescent="0.2">
      <c r="A77" s="18">
        <v>4</v>
      </c>
      <c r="B77" s="2" t="s">
        <v>71</v>
      </c>
      <c r="C77" s="2" t="s">
        <v>63</v>
      </c>
      <c r="D77" s="42" t="s">
        <v>64</v>
      </c>
      <c r="E77" s="29">
        <v>27</v>
      </c>
    </row>
    <row r="78" spans="1:5" x14ac:dyDescent="0.2">
      <c r="A78" s="14">
        <v>4</v>
      </c>
      <c r="B78" s="4" t="s">
        <v>71</v>
      </c>
      <c r="C78" s="4" t="s">
        <v>63</v>
      </c>
      <c r="D78" s="40" t="s">
        <v>73</v>
      </c>
      <c r="E78" s="12">
        <v>27</v>
      </c>
    </row>
    <row r="79" spans="1:5" ht="15" thickBot="1" x14ac:dyDescent="0.25">
      <c r="A79" s="11">
        <v>4</v>
      </c>
      <c r="B79" s="1" t="s">
        <v>71</v>
      </c>
      <c r="C79" s="1" t="s">
        <v>63</v>
      </c>
      <c r="D79" s="41" t="s">
        <v>70</v>
      </c>
      <c r="E79" s="21">
        <v>27</v>
      </c>
    </row>
    <row r="80" spans="1:5" ht="15" thickBot="1" x14ac:dyDescent="0.25">
      <c r="A80" s="33">
        <v>4</v>
      </c>
      <c r="B80" s="6" t="s">
        <v>43</v>
      </c>
      <c r="C80" s="6" t="s">
        <v>63</v>
      </c>
      <c r="D80" s="45" t="s">
        <v>74</v>
      </c>
      <c r="E80" s="34">
        <v>28</v>
      </c>
    </row>
    <row r="81" spans="1:5" ht="15" thickBot="1" x14ac:dyDescent="0.25">
      <c r="A81" s="22">
        <v>4</v>
      </c>
      <c r="B81" s="7" t="s">
        <v>72</v>
      </c>
      <c r="C81" s="7" t="s">
        <v>63</v>
      </c>
      <c r="D81" s="43" t="s">
        <v>75</v>
      </c>
      <c r="E81" s="35">
        <v>28</v>
      </c>
    </row>
    <row r="82" spans="1:5" ht="28.8" x14ac:dyDescent="0.2">
      <c r="A82" s="24">
        <v>5</v>
      </c>
      <c r="B82" s="5" t="s">
        <v>115</v>
      </c>
      <c r="C82" s="5" t="s">
        <v>117</v>
      </c>
      <c r="D82" s="44" t="s">
        <v>119</v>
      </c>
      <c r="E82" s="32">
        <v>29</v>
      </c>
    </row>
    <row r="83" spans="1:5" ht="15" thickBot="1" x14ac:dyDescent="0.25">
      <c r="A83" s="36">
        <v>5</v>
      </c>
      <c r="B83" s="8" t="s">
        <v>23</v>
      </c>
      <c r="C83" s="8" t="s">
        <v>116</v>
      </c>
      <c r="D83" s="45" t="s">
        <v>74</v>
      </c>
      <c r="E83" s="37">
        <v>29</v>
      </c>
    </row>
    <row r="84" spans="1:5" ht="28.8" x14ac:dyDescent="0.2">
      <c r="A84" s="18">
        <v>5</v>
      </c>
      <c r="B84" s="2" t="s">
        <v>15</v>
      </c>
      <c r="C84" s="2" t="s">
        <v>76</v>
      </c>
      <c r="D84" s="42" t="s">
        <v>77</v>
      </c>
      <c r="E84" s="19">
        <v>29</v>
      </c>
    </row>
    <row r="85" spans="1:5" ht="29.4" thickBot="1" x14ac:dyDescent="0.25">
      <c r="A85" s="14">
        <v>5</v>
      </c>
      <c r="B85" s="4" t="s">
        <v>15</v>
      </c>
      <c r="C85" s="4" t="s">
        <v>65</v>
      </c>
      <c r="D85" s="40" t="s">
        <v>66</v>
      </c>
      <c r="E85" s="26">
        <v>29</v>
      </c>
    </row>
    <row r="86" spans="1:5" ht="28.8" x14ac:dyDescent="0.2">
      <c r="A86" s="38">
        <v>5</v>
      </c>
      <c r="B86" s="9" t="s">
        <v>43</v>
      </c>
      <c r="C86" s="9" t="s">
        <v>63</v>
      </c>
      <c r="D86" s="46" t="s">
        <v>118</v>
      </c>
      <c r="E86" s="35">
        <v>30</v>
      </c>
    </row>
    <row r="87" spans="1:5" ht="15" thickBot="1" x14ac:dyDescent="0.25">
      <c r="A87" s="16">
        <v>5</v>
      </c>
      <c r="B87" s="3" t="s">
        <v>43</v>
      </c>
      <c r="C87" s="3" t="s">
        <v>63</v>
      </c>
      <c r="D87" s="41" t="s">
        <v>74</v>
      </c>
      <c r="E87" s="21">
        <v>30</v>
      </c>
    </row>
    <row r="88" spans="1:5" x14ac:dyDescent="0.2">
      <c r="A88" s="18">
        <v>5</v>
      </c>
      <c r="B88" s="2" t="s">
        <v>52</v>
      </c>
      <c r="C88" s="2" t="s">
        <v>63</v>
      </c>
      <c r="D88" s="42" t="s">
        <v>73</v>
      </c>
      <c r="E88" s="29">
        <v>30</v>
      </c>
    </row>
    <row r="89" spans="1:5" ht="15" thickBot="1" x14ac:dyDescent="0.25">
      <c r="A89" s="16">
        <v>5</v>
      </c>
      <c r="B89" s="3" t="s">
        <v>52</v>
      </c>
      <c r="C89" s="3" t="s">
        <v>63</v>
      </c>
      <c r="D89" s="41" t="s">
        <v>70</v>
      </c>
      <c r="E89" s="21">
        <v>31</v>
      </c>
    </row>
    <row r="91" spans="1:5" x14ac:dyDescent="0.2">
      <c r="D91" s="10"/>
    </row>
  </sheetData>
  <mergeCells count="1">
    <mergeCell ref="A4:E4"/>
  </mergeCells>
  <phoneticPr fontId="1"/>
  <pageMargins left="0.7" right="0.7" top="0.75" bottom="0.75" header="0.3" footer="0.3"/>
  <pageSetup paperSize="9" scale="76"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19"/>
  <sheetViews>
    <sheetView workbookViewId="0">
      <selection sqref="A1:A19"/>
    </sheetView>
  </sheetViews>
  <sheetFormatPr defaultRowHeight="14.4" x14ac:dyDescent="0.2"/>
  <sheetData>
    <row r="1" spans="1:1" x14ac:dyDescent="0.2">
      <c r="A1" t="s">
        <v>107</v>
      </c>
    </row>
    <row r="2" spans="1:1" x14ac:dyDescent="0.2">
      <c r="A2" t="s">
        <v>89</v>
      </c>
    </row>
    <row r="3" spans="1:1" x14ac:dyDescent="0.2">
      <c r="A3" t="s">
        <v>90</v>
      </c>
    </row>
    <row r="4" spans="1:1" x14ac:dyDescent="0.2">
      <c r="A4" t="s">
        <v>91</v>
      </c>
    </row>
    <row r="5" spans="1:1" x14ac:dyDescent="0.2">
      <c r="A5" t="s">
        <v>92</v>
      </c>
    </row>
    <row r="6" spans="1:1" x14ac:dyDescent="0.2">
      <c r="A6" t="s">
        <v>93</v>
      </c>
    </row>
    <row r="7" spans="1:1" x14ac:dyDescent="0.2">
      <c r="A7" t="s">
        <v>94</v>
      </c>
    </row>
    <row r="8" spans="1:1" x14ac:dyDescent="0.2">
      <c r="A8" t="s">
        <v>95</v>
      </c>
    </row>
    <row r="9" spans="1:1" x14ac:dyDescent="0.2">
      <c r="A9" t="s">
        <v>96</v>
      </c>
    </row>
    <row r="10" spans="1:1" x14ac:dyDescent="0.2">
      <c r="A10" t="s">
        <v>97</v>
      </c>
    </row>
    <row r="11" spans="1:1" x14ac:dyDescent="0.2">
      <c r="A11" t="s">
        <v>98</v>
      </c>
    </row>
    <row r="12" spans="1:1" x14ac:dyDescent="0.2">
      <c r="A12" t="s">
        <v>99</v>
      </c>
    </row>
    <row r="13" spans="1:1" x14ac:dyDescent="0.2">
      <c r="A13" t="s">
        <v>100</v>
      </c>
    </row>
    <row r="14" spans="1:1" x14ac:dyDescent="0.2">
      <c r="A14" t="s">
        <v>101</v>
      </c>
    </row>
    <row r="15" spans="1:1" x14ac:dyDescent="0.2">
      <c r="A15" t="s">
        <v>102</v>
      </c>
    </row>
    <row r="16" spans="1:1" x14ac:dyDescent="0.2">
      <c r="A16" t="s">
        <v>103</v>
      </c>
    </row>
    <row r="17" spans="1:1" x14ac:dyDescent="0.2">
      <c r="A17" t="s">
        <v>104</v>
      </c>
    </row>
    <row r="18" spans="1:1" x14ac:dyDescent="0.2">
      <c r="A18" t="s">
        <v>105</v>
      </c>
    </row>
    <row r="19" spans="1:1" x14ac:dyDescent="0.2">
      <c r="A19" t="s">
        <v>106</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Sheet1</vt:lpstr>
      <vt:lpstr>Sheet2</vt:lpstr>
      <vt:lpstr>Sheet1!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1-03-11T05:18:37Z</cp:lastPrinted>
  <dcterms:created xsi:type="dcterms:W3CDTF">2021-02-10T11:30:21Z</dcterms:created>
  <dcterms:modified xsi:type="dcterms:W3CDTF">2021-03-12T01:53:08Z</dcterms:modified>
</cp:coreProperties>
</file>